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2C0036B5-B083-45D3-8639-7F0A59F1863A}" xr6:coauthVersionLast="47" xr6:coauthVersionMax="47" xr10:uidLastSave="{00000000-0000-0000-0000-000000000000}"/>
  <bookViews>
    <workbookView xWindow="2160" yWindow="2160" windowWidth="23670" windowHeight="12750"/>
  </bookViews>
  <sheets>
    <sheet name="CustomerTable2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0" uniqueCount="6">
  <si>
    <t xml:space="preserve">優良            </t>
  </si>
  <si>
    <t xml:space="preserve">普通            </t>
  </si>
  <si>
    <t xml:space="preserve">要注意          </t>
  </si>
  <si>
    <t xml:space="preserve">出入り禁止      </t>
  </si>
  <si>
    <t>ID</t>
  </si>
  <si>
    <t>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5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4</v>
      </c>
      <c r="B1" s="2" t="s">
        <v>5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"/>
  <sheetViews>
    <sheetView workbookViewId="0">
      <selection sqref="A1:B1"/>
    </sheetView>
  </sheetViews>
  <sheetFormatPr defaultRowHeight="18.75" x14ac:dyDescent="0.4"/>
  <sheetData>
    <row r="1" spans="1:2" x14ac:dyDescent="0.4">
      <c r="A1" s="1" t="s">
        <v>4</v>
      </c>
      <c r="B1" s="2" t="s">
        <v>5</v>
      </c>
    </row>
    <row r="2" spans="1:2" x14ac:dyDescent="0.4">
      <c r="A2" s="1" t="s">
        <v>4</v>
      </c>
      <c r="B2" s="2" t="s">
        <v>5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Table2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2T12:30:48Z</dcterms:created>
  <dcterms:modified xsi:type="dcterms:W3CDTF">2024-02-22T12:31:46Z</dcterms:modified>
</cp:coreProperties>
</file>